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2C944489-5059-4B68-AFD8-64E67A738B6A}" xr6:coauthVersionLast="47" xr6:coauthVersionMax="47" xr10:uidLastSave="{00000000-0000-0000-0000-000000000000}"/>
  <bookViews>
    <workbookView xWindow="-120" yWindow="-120" windowWidth="20730" windowHeight="11160" xr2:uid="{B242541D-5CE2-4217-A7AD-B20C2C175A7B}"/>
  </bookViews>
  <sheets>
    <sheet name="別紙36" sheetId="2" r:id="rId1"/>
    <sheet name="Sheet1" sheetId="1" r:id="rId2"/>
  </sheets>
  <externalReferences>
    <externalReference r:id="rId3"/>
    <externalReference r:id="rId4"/>
    <externalReference r:id="rId5"/>
  </externalReferences>
  <definedNames>
    <definedName name="ｋ">#N/A</definedName>
    <definedName name="_xlnm.Print_Area" localSheetId="0">別紙36!$A$1:$Z$6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0" uniqueCount="68">
  <si>
    <t>（別紙36）</t>
    <phoneticPr fontId="4"/>
  </si>
  <si>
    <t>令和</t>
    <rPh sb="0" eb="2">
      <t>レイワ</t>
    </rPh>
    <phoneticPr fontId="4"/>
  </si>
  <si>
    <t>年</t>
    <rPh sb="0" eb="1">
      <t>ネン</t>
    </rPh>
    <phoneticPr fontId="4"/>
  </si>
  <si>
    <t>月</t>
    <rPh sb="0" eb="1">
      <t>ガツ</t>
    </rPh>
    <phoneticPr fontId="4"/>
  </si>
  <si>
    <t>日</t>
    <rPh sb="0" eb="1">
      <t>ニチ</t>
    </rPh>
    <phoneticPr fontId="4"/>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4"/>
  </si>
  <si>
    <t>事業所名</t>
    <phoneticPr fontId="4"/>
  </si>
  <si>
    <t>異動等区分</t>
    <phoneticPr fontId="4"/>
  </si>
  <si>
    <t>□</t>
  </si>
  <si>
    <t>1　新規</t>
    <phoneticPr fontId="4"/>
  </si>
  <si>
    <t>2　変更</t>
    <phoneticPr fontId="4"/>
  </si>
  <si>
    <t>3　終了</t>
    <phoneticPr fontId="4"/>
  </si>
  <si>
    <t>届出項目</t>
    <phoneticPr fontId="4"/>
  </si>
  <si>
    <t>1　特定事業所加算(Ⅰ)</t>
    <phoneticPr fontId="4"/>
  </si>
  <si>
    <t>2　特定事業所加算(Ⅱ)</t>
    <phoneticPr fontId="4"/>
  </si>
  <si>
    <t>3　特定事業所加算(Ⅲ)</t>
    <phoneticPr fontId="4"/>
  </si>
  <si>
    <t>4　特定事業所医療介護連携加算</t>
    <rPh sb="2" eb="4">
      <t>トクテイ</t>
    </rPh>
    <rPh sb="4" eb="7">
      <t>ジギョウショ</t>
    </rPh>
    <rPh sb="7" eb="9">
      <t>イリョウ</t>
    </rPh>
    <rPh sb="9" eb="11">
      <t>カイゴ</t>
    </rPh>
    <rPh sb="11" eb="13">
      <t>レンケイ</t>
    </rPh>
    <rPh sb="13" eb="15">
      <t>カサン</t>
    </rPh>
    <phoneticPr fontId="4"/>
  </si>
  <si>
    <t>5　ターミナルケアマネジメント加算</t>
    <rPh sb="15" eb="17">
      <t>カサン</t>
    </rPh>
    <phoneticPr fontId="4"/>
  </si>
  <si>
    <t>１．特定事業所加算(Ⅰ)～(Ⅲ)に係る届出内容</t>
    <rPh sb="2" eb="4">
      <t>トクテイ</t>
    </rPh>
    <rPh sb="4" eb="7">
      <t>ジギョウショ</t>
    </rPh>
    <rPh sb="7" eb="9">
      <t>カサン</t>
    </rPh>
    <rPh sb="17" eb="18">
      <t>カカ</t>
    </rPh>
    <rPh sb="19" eb="21">
      <t>トドケデ</t>
    </rPh>
    <rPh sb="21" eb="23">
      <t>ナイヨウ</t>
    </rPh>
    <phoneticPr fontId="4"/>
  </si>
  <si>
    <t>有</t>
    <rPh sb="0" eb="1">
      <t>ア</t>
    </rPh>
    <phoneticPr fontId="4"/>
  </si>
  <si>
    <t>・</t>
    <phoneticPr fontId="4"/>
  </si>
  <si>
    <t>無</t>
    <rPh sb="0" eb="1">
      <t>ナ</t>
    </rPh>
    <phoneticPr fontId="4"/>
  </si>
  <si>
    <t>(1)  　主任介護支援専門員の配置状況</t>
  </si>
  <si>
    <t xml:space="preserve"> </t>
    <phoneticPr fontId="4"/>
  </si>
  <si>
    <t>主任介護支援専門員</t>
  </si>
  <si>
    <t>　常勤専従</t>
    <rPh sb="1" eb="3">
      <t>ジョウキン</t>
    </rPh>
    <rPh sb="3" eb="5">
      <t>センジュウ</t>
    </rPh>
    <phoneticPr fontId="4"/>
  </si>
  <si>
    <t>人</t>
    <rPh sb="0" eb="1">
      <t>ニン</t>
    </rPh>
    <phoneticPr fontId="4"/>
  </si>
  <si>
    <t>(2)  　介護支援専門員の配置状況</t>
  </si>
  <si>
    <t>介護支援専門員</t>
    <rPh sb="0" eb="2">
      <t>カイゴ</t>
    </rPh>
    <rPh sb="2" eb="4">
      <t>シエン</t>
    </rPh>
    <rPh sb="4" eb="7">
      <t>センモンイン</t>
    </rPh>
    <phoneticPr fontId="4"/>
  </si>
  <si>
    <t>(3)  　利用者に関する情報又はサービス提供に当たっての留意事項に係る伝達等</t>
  </si>
  <si>
    <t xml:space="preserve">         を目的とした会議を定期的に開催している。</t>
    <rPh sb="10" eb="12">
      <t>モクテキ</t>
    </rPh>
    <rPh sb="15" eb="17">
      <t>カイギ</t>
    </rPh>
    <rPh sb="18" eb="21">
      <t>テイキテキ</t>
    </rPh>
    <rPh sb="22" eb="24">
      <t>カイサイ</t>
    </rPh>
    <phoneticPr fontId="4"/>
  </si>
  <si>
    <t>(4)  　24時間常時連絡できる体制を整備している。</t>
  </si>
  <si>
    <t xml:space="preserve">  </t>
    <phoneticPr fontId="4"/>
  </si>
  <si>
    <t>(5)  　利用者の総数のうち、要介護３、要介護４又は要介護５である者の占める</t>
  </si>
  <si>
    <t>　      割合が４０％以上</t>
    <rPh sb="7" eb="9">
      <t>ワリアイ</t>
    </rPh>
    <rPh sb="13" eb="15">
      <t>イジョウ</t>
    </rPh>
    <phoneticPr fontId="4"/>
  </si>
  <si>
    <t>(6)　  介護支援専門員に対し、計画的に、研修を実施している。</t>
  </si>
  <si>
    <t>(7)  　地域包括支援センターからの支援困難ケースが紹介された場合に、当該</t>
  </si>
  <si>
    <t>　      ケースを受託する体制を整備している。</t>
    <rPh sb="11" eb="13">
      <t>ジュタク</t>
    </rPh>
    <rPh sb="15" eb="17">
      <t>タイセイ</t>
    </rPh>
    <rPh sb="18" eb="20">
      <t>セイビ</t>
    </rPh>
    <phoneticPr fontId="4"/>
  </si>
  <si>
    <t>(8)  　家族に対する介護等を日常的に行っている児童や、障害者、生活困窮者、</t>
    <phoneticPr fontId="4"/>
  </si>
  <si>
    <t>　　　難病患者等、高齢者以外の対象者への支援に関する知識等に関する</t>
  </si>
  <si>
    <t>　　　事例検討会、研修等に参加している。</t>
  </si>
  <si>
    <t>(9)  　特定事業所集中減算の適用の有無</t>
    <phoneticPr fontId="4"/>
  </si>
  <si>
    <t>(10)　介護支援専門員1人当たり（常勤換算方法による）の担当件数について</t>
  </si>
  <si>
    <t>　①居宅介護支援費(Ⅰ)を算定している場合　45件以上の有無</t>
  </si>
  <si>
    <t>　②居宅介護支援費(Ⅱ)を算定している場合　50件以上の有無</t>
  </si>
  <si>
    <t>(11)　介護支援専門員実務研修における科目「ケアマネジメントの基礎技術に関</t>
  </si>
  <si>
    <t>　　　する実習」等に協力又は協力体制の確保の有無</t>
    <phoneticPr fontId="4"/>
  </si>
  <si>
    <t>(12)　他の法人が運営する指定居宅介護支援事業者と共同で事例検討会、研修会</t>
  </si>
  <si>
    <t>　　　等を実施している。</t>
    <phoneticPr fontId="4"/>
  </si>
  <si>
    <t>(13)　必要に応じて、多様な主体により提供される利用者の日常生活全般を</t>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4"/>
  </si>
  <si>
    <t>　　　作成している。</t>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4"/>
  </si>
  <si>
    <t>(1) 　退院・退所加算の算定に係る病院又は診療所等との連携回数の合計が年間</t>
    <rPh sb="5" eb="7">
      <t>タイイン</t>
    </rPh>
    <rPh sb="8" eb="12">
      <t>タイショカサン</t>
    </rPh>
    <rPh sb="13" eb="15">
      <t>サンテイ</t>
    </rPh>
    <rPh sb="36" eb="38">
      <t>ネンカン</t>
    </rPh>
    <phoneticPr fontId="4"/>
  </si>
  <si>
    <t>　  　３５回以上である。</t>
    <phoneticPr fontId="4"/>
  </si>
  <si>
    <t>(2) 　ターミナルケアマネジメント加算を年間１５回以上算定している。</t>
    <phoneticPr fontId="4"/>
  </si>
  <si>
    <t>※　令和７年３月31日までの間は、５回以上算定している場合に有にチェック</t>
    <rPh sb="18" eb="19">
      <t>カイ</t>
    </rPh>
    <rPh sb="19" eb="21">
      <t>イジョウ</t>
    </rPh>
    <rPh sb="21" eb="23">
      <t>サンテイ</t>
    </rPh>
    <rPh sb="27" eb="29">
      <t>バアイ</t>
    </rPh>
    <rPh sb="30" eb="31">
      <t>アリ</t>
    </rPh>
    <phoneticPr fontId="4"/>
  </si>
  <si>
    <t>　すること。</t>
    <phoneticPr fontId="4"/>
  </si>
  <si>
    <t>※　令和７年４月１日から令和８年３月31日までの間は、令和６年３月における</t>
    <rPh sb="2" eb="4">
      <t>レイワ</t>
    </rPh>
    <rPh sb="5" eb="6">
      <t>ネン</t>
    </rPh>
    <rPh sb="7" eb="8">
      <t>ガツ</t>
    </rPh>
    <rPh sb="9" eb="10">
      <t>ニチ</t>
    </rPh>
    <rPh sb="12" eb="14">
      <t>レイワ</t>
    </rPh>
    <rPh sb="15" eb="16">
      <t>ネン</t>
    </rPh>
    <rPh sb="17" eb="18">
      <t>ガツ</t>
    </rPh>
    <rPh sb="20" eb="21">
      <t>ニチ</t>
    </rPh>
    <rPh sb="24" eb="25">
      <t>アイダ</t>
    </rPh>
    <phoneticPr fontId="4"/>
  </si>
  <si>
    <t>　算定回数に３を乗じた数に令和６年４月から令和７年２月までの間における</t>
    <phoneticPr fontId="4"/>
  </si>
  <si>
    <t>　算定回数を加えた数が15以上である場合に有にチェックすること。</t>
    <rPh sb="13" eb="15">
      <t>イジョウ</t>
    </rPh>
    <rPh sb="18" eb="20">
      <t>バアイ</t>
    </rPh>
    <rPh sb="21" eb="22">
      <t>アリ</t>
    </rPh>
    <phoneticPr fontId="4"/>
  </si>
  <si>
    <t>(3) 　特定事業所加算(Ⅰ)、(Ⅱ)又は(Ⅲ)を算定している。</t>
    <rPh sb="5" eb="7">
      <t>トクテイ</t>
    </rPh>
    <rPh sb="7" eb="10">
      <t>ジギョウショ</t>
    </rPh>
    <rPh sb="10" eb="12">
      <t>カサン</t>
    </rPh>
    <rPh sb="19" eb="20">
      <t>マタ</t>
    </rPh>
    <rPh sb="25" eb="27">
      <t>サンテイ</t>
    </rPh>
    <phoneticPr fontId="4"/>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4"/>
  </si>
  <si>
    <t>　提出してください。</t>
    <rPh sb="1" eb="3">
      <t>テイシュツ</t>
    </rPh>
    <phoneticPr fontId="4"/>
  </si>
  <si>
    <t>３．ターミナルケアマネジメント加算に係る届出内容</t>
    <rPh sb="15" eb="17">
      <t>カサン</t>
    </rPh>
    <rPh sb="18" eb="19">
      <t>カカ</t>
    </rPh>
    <rPh sb="20" eb="22">
      <t>トドケデ</t>
    </rPh>
    <rPh sb="22" eb="24">
      <t>ナイヨウ</t>
    </rPh>
    <phoneticPr fontId="4"/>
  </si>
  <si>
    <t>(1) 　ターミナルケアマネジメントを受けることに同意した利用者について、24</t>
    <rPh sb="19" eb="20">
      <t>ウ</t>
    </rPh>
    <rPh sb="25" eb="27">
      <t>ドウイ</t>
    </rPh>
    <rPh sb="29" eb="32">
      <t>リヨウシャ</t>
    </rPh>
    <phoneticPr fontId="4"/>
  </si>
  <si>
    <t>　     時間連絡できる体制を確保しており、かつ、必要に応じて指定居宅介護支援</t>
    <phoneticPr fontId="4"/>
  </si>
  <si>
    <t xml:space="preserve">     　を行うことができる体制を整備している。</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s>
  <fills count="2">
    <fill>
      <patternFill patternType="none"/>
    </fill>
    <fill>
      <patternFill patternType="gray125"/>
    </fill>
  </fills>
  <borders count="1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47">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xf>
    <xf numFmtId="0" fontId="2" fillId="0" borderId="0" xfId="1" applyFont="1" applyAlignment="1">
      <alignment horizontal="center" vertical="center" wrapText="1"/>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1" xfId="1" applyFont="1" applyBorder="1" applyAlignment="1">
      <alignment horizontal="center" vertical="center"/>
    </xf>
    <xf numFmtId="0" fontId="2" fillId="0" borderId="2" xfId="1" applyFont="1" applyBorder="1" applyAlignment="1">
      <alignment vertical="center"/>
    </xf>
    <xf numFmtId="0" fontId="2" fillId="0" borderId="4" xfId="1" applyFont="1" applyBorder="1" applyAlignment="1">
      <alignment vertical="center"/>
    </xf>
    <xf numFmtId="0" fontId="2" fillId="0" borderId="5" xfId="1" applyFont="1" applyBorder="1" applyAlignment="1">
      <alignment vertical="center"/>
    </xf>
    <xf numFmtId="0" fontId="2" fillId="0" borderId="6" xfId="1" applyFont="1" applyBorder="1" applyAlignment="1">
      <alignment horizontal="center" vertical="center"/>
    </xf>
    <xf numFmtId="0" fontId="2" fillId="0" borderId="4" xfId="1" applyFont="1" applyBorder="1" applyAlignment="1">
      <alignment horizontal="center" vertical="center"/>
    </xf>
    <xf numFmtId="0" fontId="2" fillId="0" borderId="5" xfId="1" applyFont="1" applyBorder="1" applyAlignment="1">
      <alignment horizontal="center" vertical="center"/>
    </xf>
    <xf numFmtId="0" fontId="2" fillId="0" borderId="4" xfId="1" applyFont="1" applyBorder="1" applyAlignment="1">
      <alignment horizontal="left" vertical="center"/>
    </xf>
    <xf numFmtId="0" fontId="2" fillId="0" borderId="7" xfId="1" applyFont="1" applyBorder="1" applyAlignment="1">
      <alignment horizontal="center" vertical="center"/>
    </xf>
    <xf numFmtId="0" fontId="2" fillId="0" borderId="8" xfId="1" applyFont="1" applyBorder="1" applyAlignment="1">
      <alignment horizontal="center" vertical="center"/>
    </xf>
    <xf numFmtId="0" fontId="2" fillId="0" borderId="0" xfId="1" applyFont="1" applyAlignment="1">
      <alignment vertical="center"/>
    </xf>
    <xf numFmtId="0" fontId="2" fillId="0" borderId="8" xfId="1" applyFont="1" applyBorder="1" applyAlignment="1">
      <alignment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left" vertical="center"/>
    </xf>
    <xf numFmtId="0" fontId="2" fillId="0" borderId="10" xfId="1" applyFont="1" applyBorder="1" applyAlignment="1">
      <alignment vertical="center"/>
    </xf>
    <xf numFmtId="0" fontId="2" fillId="0" borderId="11" xfId="1" applyFont="1" applyBorder="1" applyAlignment="1">
      <alignment vertical="center"/>
    </xf>
    <xf numFmtId="0" fontId="2" fillId="0" borderId="6" xfId="1" applyFont="1" applyBorder="1" applyAlignment="1">
      <alignment horizontal="left" vertical="center"/>
    </xf>
    <xf numFmtId="0" fontId="2" fillId="0" borderId="5" xfId="1" applyFont="1" applyBorder="1" applyAlignment="1">
      <alignment horizontal="left" vertical="center"/>
    </xf>
    <xf numFmtId="0" fontId="2" fillId="0" borderId="7" xfId="1" applyFont="1" applyBorder="1" applyAlignment="1">
      <alignment horizontal="left" vertical="center"/>
    </xf>
    <xf numFmtId="0" fontId="5" fillId="0" borderId="0" xfId="1" applyFont="1" applyAlignment="1">
      <alignment horizontal="center" vertical="center"/>
    </xf>
    <xf numFmtId="0" fontId="2" fillId="0" borderId="8" xfId="1" applyFont="1" applyBorder="1" applyAlignment="1">
      <alignment horizontal="left" vertical="center"/>
    </xf>
    <xf numFmtId="0" fontId="2" fillId="0" borderId="7" xfId="1" applyFont="1" applyBorder="1" applyAlignment="1">
      <alignment vertical="center"/>
    </xf>
    <xf numFmtId="0" fontId="2" fillId="0" borderId="7" xfId="1" applyFont="1" applyBorder="1" applyAlignment="1">
      <alignment horizontal="center" vertical="center"/>
    </xf>
    <xf numFmtId="0" fontId="2" fillId="0" borderId="8" xfId="1" applyFont="1" applyBorder="1" applyAlignment="1">
      <alignment horizontal="center" vertical="center"/>
    </xf>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3" xfId="1" applyFont="1" applyBorder="1" applyAlignment="1">
      <alignment horizontal="center" vertical="center"/>
    </xf>
    <xf numFmtId="0" fontId="6" fillId="0" borderId="0" xfId="1" applyFont="1" applyAlignment="1">
      <alignment horizontal="center" vertical="center"/>
    </xf>
    <xf numFmtId="0" fontId="2" fillId="0" borderId="0" xfId="1" applyFont="1" applyAlignment="1">
      <alignment horizontal="left" vertical="center" wrapText="1"/>
    </xf>
    <xf numFmtId="0" fontId="2" fillId="0" borderId="8" xfId="1" applyFont="1" applyBorder="1" applyAlignment="1">
      <alignment horizontal="left" vertical="center" wrapText="1"/>
    </xf>
    <xf numFmtId="0" fontId="2" fillId="0" borderId="9" xfId="1" applyFont="1" applyBorder="1" applyAlignment="1">
      <alignment horizontal="left" vertical="center"/>
    </xf>
    <xf numFmtId="0" fontId="2" fillId="0" borderId="11" xfId="1" applyFont="1" applyBorder="1" applyAlignment="1">
      <alignment horizontal="left" vertical="center"/>
    </xf>
  </cellXfs>
  <cellStyles count="2">
    <cellStyle name="標準" xfId="0" builtinId="0"/>
    <cellStyle name="標準 2" xfId="1" xr:uid="{29F0976F-5F06-473E-A910-35C88698EBE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4C6112-5E22-4178-8345-52B56953B94F}">
  <dimension ref="B1:Y123"/>
  <sheetViews>
    <sheetView tabSelected="1" zoomScaleNormal="100" workbookViewId="0">
      <selection activeCell="F61" sqref="F61"/>
    </sheetView>
  </sheetViews>
  <sheetFormatPr defaultColWidth="4" defaultRowHeight="13.5" x14ac:dyDescent="0.4"/>
  <cols>
    <col min="1" max="1" width="2.125" style="1" customWidth="1"/>
    <col min="2" max="2" width="2.375" style="1" customWidth="1"/>
    <col min="3" max="8" width="4" style="1"/>
    <col min="9" max="20" width="4.625" style="1" customWidth="1"/>
    <col min="21" max="21" width="2.375" style="1" customWidth="1"/>
    <col min="22" max="24" width="3.25" style="1" customWidth="1"/>
    <col min="25" max="25" width="2.375" style="1" customWidth="1"/>
    <col min="26" max="26" width="2.125" style="1" customWidth="1"/>
    <col min="27" max="16384" width="4" style="1"/>
  </cols>
  <sheetData>
    <row r="1" spans="2:25" ht="6.75" customHeight="1" x14ac:dyDescent="0.4"/>
    <row r="2" spans="2:25" x14ac:dyDescent="0.4">
      <c r="B2" s="1" t="s">
        <v>0</v>
      </c>
    </row>
    <row r="3" spans="2:25" ht="15.75" customHeight="1" x14ac:dyDescent="0.4">
      <c r="P3" s="2" t="s">
        <v>1</v>
      </c>
      <c r="Q3" s="3"/>
      <c r="R3" s="3"/>
      <c r="S3" s="4" t="s">
        <v>2</v>
      </c>
      <c r="T3" s="3"/>
      <c r="U3" s="3"/>
      <c r="V3" s="4" t="s">
        <v>3</v>
      </c>
      <c r="W3" s="3"/>
      <c r="X3" s="3"/>
      <c r="Y3" s="4" t="s">
        <v>4</v>
      </c>
    </row>
    <row r="4" spans="2:25" ht="6" customHeight="1" x14ac:dyDescent="0.4"/>
    <row r="5" spans="2:25" ht="27.75" customHeight="1" x14ac:dyDescent="0.4">
      <c r="B5" s="5" t="s">
        <v>5</v>
      </c>
      <c r="C5" s="3"/>
      <c r="D5" s="3"/>
      <c r="E5" s="3"/>
      <c r="F5" s="3"/>
      <c r="G5" s="3"/>
      <c r="H5" s="3"/>
      <c r="I5" s="3"/>
      <c r="J5" s="3"/>
      <c r="K5" s="3"/>
      <c r="L5" s="3"/>
      <c r="M5" s="3"/>
      <c r="N5" s="3"/>
      <c r="O5" s="3"/>
      <c r="P5" s="3"/>
      <c r="Q5" s="3"/>
      <c r="R5" s="3"/>
      <c r="S5" s="3"/>
      <c r="T5" s="3"/>
      <c r="U5" s="3"/>
      <c r="V5" s="3"/>
      <c r="W5" s="3"/>
      <c r="X5" s="3"/>
      <c r="Y5" s="3"/>
    </row>
    <row r="6" spans="2:25" ht="5.25" customHeight="1" x14ac:dyDescent="0.4"/>
    <row r="7" spans="2:25" ht="23.25" customHeight="1" x14ac:dyDescent="0.4">
      <c r="B7" s="6" t="s">
        <v>6</v>
      </c>
      <c r="C7" s="7"/>
      <c r="D7" s="7"/>
      <c r="E7" s="7"/>
      <c r="F7" s="8"/>
      <c r="G7" s="9"/>
      <c r="H7" s="10"/>
      <c r="I7" s="10"/>
      <c r="J7" s="10"/>
      <c r="K7" s="10"/>
      <c r="L7" s="10"/>
      <c r="M7" s="10"/>
      <c r="N7" s="10"/>
      <c r="O7" s="10"/>
      <c r="P7" s="10"/>
      <c r="Q7" s="10"/>
      <c r="R7" s="10"/>
      <c r="S7" s="10"/>
      <c r="T7" s="10"/>
      <c r="U7" s="10"/>
      <c r="V7" s="10"/>
      <c r="W7" s="10"/>
      <c r="X7" s="10"/>
      <c r="Y7" s="11"/>
    </row>
    <row r="8" spans="2:25" ht="23.25" customHeight="1" x14ac:dyDescent="0.4">
      <c r="B8" s="6" t="s">
        <v>7</v>
      </c>
      <c r="C8" s="7"/>
      <c r="D8" s="7"/>
      <c r="E8" s="7"/>
      <c r="F8" s="8"/>
      <c r="G8" s="12" t="s">
        <v>8</v>
      </c>
      <c r="H8" s="13" t="s">
        <v>9</v>
      </c>
      <c r="I8" s="13"/>
      <c r="J8" s="13"/>
      <c r="K8" s="13"/>
      <c r="L8" s="4" t="s">
        <v>8</v>
      </c>
      <c r="M8" s="13" t="s">
        <v>10</v>
      </c>
      <c r="N8" s="13"/>
      <c r="O8" s="13"/>
      <c r="P8" s="13"/>
      <c r="Q8" s="4" t="s">
        <v>8</v>
      </c>
      <c r="R8" s="13" t="s">
        <v>11</v>
      </c>
      <c r="S8" s="13"/>
      <c r="T8" s="13"/>
      <c r="U8" s="14"/>
      <c r="V8" s="14"/>
      <c r="W8" s="14"/>
      <c r="X8" s="14"/>
      <c r="Y8" s="15"/>
    </row>
    <row r="9" spans="2:25" ht="23.25" customHeight="1" x14ac:dyDescent="0.4">
      <c r="B9" s="16" t="s">
        <v>12</v>
      </c>
      <c r="C9" s="17"/>
      <c r="D9" s="17"/>
      <c r="E9" s="17"/>
      <c r="F9" s="18"/>
      <c r="G9" s="4" t="s">
        <v>8</v>
      </c>
      <c r="H9" s="19" t="s">
        <v>13</v>
      </c>
      <c r="I9" s="19"/>
      <c r="J9" s="14"/>
      <c r="K9" s="14"/>
      <c r="L9" s="14"/>
      <c r="M9" s="14"/>
      <c r="N9" s="14"/>
      <c r="O9" s="4" t="s">
        <v>8</v>
      </c>
      <c r="P9" s="19" t="s">
        <v>14</v>
      </c>
      <c r="Q9" s="14"/>
      <c r="R9" s="14"/>
      <c r="S9" s="14"/>
      <c r="T9" s="14"/>
      <c r="U9" s="14"/>
      <c r="V9" s="14"/>
      <c r="W9" s="14"/>
      <c r="X9" s="14"/>
      <c r="Y9" s="15"/>
    </row>
    <row r="10" spans="2:25" ht="23.25" customHeight="1" x14ac:dyDescent="0.4">
      <c r="B10" s="20"/>
      <c r="C10" s="3"/>
      <c r="D10" s="3"/>
      <c r="E10" s="3"/>
      <c r="F10" s="21"/>
      <c r="G10" s="4" t="s">
        <v>8</v>
      </c>
      <c r="H10" s="1" t="s">
        <v>15</v>
      </c>
      <c r="I10" s="22"/>
      <c r="J10" s="22"/>
      <c r="K10" s="22"/>
      <c r="L10" s="22"/>
      <c r="M10" s="22"/>
      <c r="N10" s="22"/>
      <c r="O10" s="4" t="s">
        <v>8</v>
      </c>
      <c r="P10" s="1" t="s">
        <v>16</v>
      </c>
      <c r="Q10" s="22"/>
      <c r="R10" s="22"/>
      <c r="S10" s="22"/>
      <c r="T10" s="22"/>
      <c r="U10" s="22"/>
      <c r="V10" s="22"/>
      <c r="W10" s="22"/>
      <c r="X10" s="22"/>
      <c r="Y10" s="23"/>
    </row>
    <row r="11" spans="2:25" ht="23.25" customHeight="1" x14ac:dyDescent="0.4">
      <c r="B11" s="24"/>
      <c r="C11" s="25"/>
      <c r="D11" s="25"/>
      <c r="E11" s="25"/>
      <c r="F11" s="26"/>
      <c r="G11" s="27" t="s">
        <v>8</v>
      </c>
      <c r="H11" s="28" t="s">
        <v>17</v>
      </c>
      <c r="I11" s="29"/>
      <c r="J11" s="29"/>
      <c r="K11" s="29"/>
      <c r="L11" s="29"/>
      <c r="M11" s="29"/>
      <c r="N11" s="29"/>
      <c r="O11" s="29"/>
      <c r="P11" s="29"/>
      <c r="Q11" s="29"/>
      <c r="R11" s="29"/>
      <c r="S11" s="29"/>
      <c r="T11" s="29"/>
      <c r="U11" s="29"/>
      <c r="V11" s="29"/>
      <c r="W11" s="29"/>
      <c r="X11" s="29"/>
      <c r="Y11" s="30"/>
    </row>
    <row r="13" spans="2:25" ht="6" customHeight="1" x14ac:dyDescent="0.4">
      <c r="B13" s="31"/>
      <c r="C13" s="19"/>
      <c r="D13" s="19"/>
      <c r="E13" s="19"/>
      <c r="F13" s="19"/>
      <c r="G13" s="19"/>
      <c r="H13" s="19"/>
      <c r="I13" s="19"/>
      <c r="J13" s="19"/>
      <c r="K13" s="19"/>
      <c r="L13" s="19"/>
      <c r="M13" s="19"/>
      <c r="N13" s="19"/>
      <c r="O13" s="19"/>
      <c r="P13" s="19"/>
      <c r="Q13" s="19"/>
      <c r="R13" s="19"/>
      <c r="S13" s="19"/>
      <c r="T13" s="19"/>
      <c r="U13" s="31"/>
      <c r="V13" s="19"/>
      <c r="W13" s="19"/>
      <c r="X13" s="19"/>
      <c r="Y13" s="32"/>
    </row>
    <row r="14" spans="2:25" x14ac:dyDescent="0.4">
      <c r="B14" s="33" t="s">
        <v>18</v>
      </c>
      <c r="U14" s="33"/>
      <c r="V14" s="34" t="s">
        <v>19</v>
      </c>
      <c r="W14" s="34" t="s">
        <v>20</v>
      </c>
      <c r="X14" s="34" t="s">
        <v>21</v>
      </c>
      <c r="Y14" s="35"/>
    </row>
    <row r="15" spans="2:25" ht="6.75" customHeight="1" x14ac:dyDescent="0.4">
      <c r="B15" s="33"/>
      <c r="U15" s="33"/>
      <c r="Y15" s="35"/>
    </row>
    <row r="16" spans="2:25" ht="18" customHeight="1" x14ac:dyDescent="0.4">
      <c r="B16" s="33"/>
      <c r="C16" s="1" t="s">
        <v>22</v>
      </c>
      <c r="U16" s="36"/>
      <c r="V16" s="4"/>
      <c r="W16" s="4"/>
      <c r="X16" s="4"/>
      <c r="Y16" s="23"/>
    </row>
    <row r="17" spans="2:25" ht="6.75" customHeight="1" x14ac:dyDescent="0.4">
      <c r="B17" s="33"/>
      <c r="U17" s="37"/>
      <c r="V17" s="4"/>
      <c r="W17" s="4"/>
      <c r="X17" s="4"/>
      <c r="Y17" s="38"/>
    </row>
    <row r="18" spans="2:25" ht="14.25" customHeight="1" x14ac:dyDescent="0.4">
      <c r="B18" s="33"/>
      <c r="C18" s="1" t="s">
        <v>23</v>
      </c>
      <c r="D18" s="6" t="s">
        <v>24</v>
      </c>
      <c r="E18" s="7"/>
      <c r="F18" s="7"/>
      <c r="G18" s="7"/>
      <c r="H18" s="8"/>
      <c r="I18" s="39" t="s">
        <v>25</v>
      </c>
      <c r="J18" s="40"/>
      <c r="K18" s="40"/>
      <c r="L18" s="7"/>
      <c r="M18" s="7"/>
      <c r="N18" s="7"/>
      <c r="O18" s="41" t="s">
        <v>26</v>
      </c>
      <c r="U18" s="37"/>
      <c r="V18" s="4"/>
      <c r="W18" s="4"/>
      <c r="X18" s="4"/>
      <c r="Y18" s="38"/>
    </row>
    <row r="19" spans="2:25" ht="7.5" customHeight="1" x14ac:dyDescent="0.4">
      <c r="B19" s="33"/>
      <c r="U19" s="37"/>
      <c r="V19" s="4"/>
      <c r="W19" s="4"/>
      <c r="X19" s="4"/>
      <c r="Y19" s="38"/>
    </row>
    <row r="20" spans="2:25" ht="18" customHeight="1" x14ac:dyDescent="0.4">
      <c r="B20" s="33"/>
      <c r="C20" s="1" t="s">
        <v>27</v>
      </c>
      <c r="U20" s="37"/>
      <c r="V20" s="4"/>
      <c r="W20" s="4"/>
      <c r="X20" s="4"/>
      <c r="Y20" s="38"/>
    </row>
    <row r="21" spans="2:25" ht="6.75" customHeight="1" x14ac:dyDescent="0.4">
      <c r="B21" s="33"/>
      <c r="U21" s="37"/>
      <c r="V21" s="4"/>
      <c r="W21" s="4"/>
      <c r="X21" s="4"/>
      <c r="Y21" s="38"/>
    </row>
    <row r="22" spans="2:25" ht="14.25" customHeight="1" x14ac:dyDescent="0.4">
      <c r="B22" s="33"/>
      <c r="C22" s="1" t="s">
        <v>23</v>
      </c>
      <c r="D22" s="6" t="s">
        <v>28</v>
      </c>
      <c r="E22" s="7"/>
      <c r="F22" s="7"/>
      <c r="G22" s="7"/>
      <c r="H22" s="8"/>
      <c r="I22" s="39" t="s">
        <v>25</v>
      </c>
      <c r="J22" s="40"/>
      <c r="K22" s="40"/>
      <c r="L22" s="7"/>
      <c r="M22" s="7"/>
      <c r="N22" s="7"/>
      <c r="O22" s="41" t="s">
        <v>26</v>
      </c>
      <c r="U22" s="37"/>
      <c r="V22" s="4"/>
      <c r="W22" s="4"/>
      <c r="X22" s="4"/>
      <c r="Y22" s="38"/>
    </row>
    <row r="23" spans="2:25" ht="7.5" customHeight="1" x14ac:dyDescent="0.4">
      <c r="B23" s="33"/>
      <c r="U23" s="37"/>
      <c r="V23" s="4"/>
      <c r="W23" s="4"/>
      <c r="X23" s="4"/>
      <c r="Y23" s="38"/>
    </row>
    <row r="24" spans="2:25" ht="18" customHeight="1" x14ac:dyDescent="0.4">
      <c r="B24" s="33"/>
      <c r="C24" s="1" t="s">
        <v>29</v>
      </c>
      <c r="U24" s="36"/>
      <c r="V24" s="4" t="s">
        <v>8</v>
      </c>
      <c r="W24" s="4" t="s">
        <v>20</v>
      </c>
      <c r="X24" s="4" t="s">
        <v>8</v>
      </c>
      <c r="Y24" s="23"/>
    </row>
    <row r="25" spans="2:25" ht="18" customHeight="1" x14ac:dyDescent="0.4">
      <c r="B25" s="33"/>
      <c r="C25" s="1" t="s">
        <v>30</v>
      </c>
      <c r="U25" s="36"/>
      <c r="V25" s="22"/>
      <c r="W25" s="22"/>
      <c r="X25" s="22"/>
      <c r="Y25" s="23"/>
    </row>
    <row r="26" spans="2:25" ht="18" customHeight="1" x14ac:dyDescent="0.4">
      <c r="B26" s="33"/>
      <c r="C26" s="1" t="s">
        <v>31</v>
      </c>
      <c r="T26" s="1" t="s">
        <v>32</v>
      </c>
      <c r="U26" s="36"/>
      <c r="V26" s="4" t="s">
        <v>8</v>
      </c>
      <c r="W26" s="4" t="s">
        <v>20</v>
      </c>
      <c r="X26" s="4" t="s">
        <v>8</v>
      </c>
      <c r="Y26" s="23"/>
    </row>
    <row r="27" spans="2:25" ht="18" customHeight="1" x14ac:dyDescent="0.4">
      <c r="B27" s="33"/>
      <c r="C27" s="1" t="s">
        <v>33</v>
      </c>
      <c r="U27" s="36"/>
      <c r="V27" s="4" t="s">
        <v>8</v>
      </c>
      <c r="W27" s="4" t="s">
        <v>20</v>
      </c>
      <c r="X27" s="4" t="s">
        <v>8</v>
      </c>
      <c r="Y27" s="23"/>
    </row>
    <row r="28" spans="2:25" ht="18" customHeight="1" x14ac:dyDescent="0.4">
      <c r="B28" s="33"/>
      <c r="C28" s="1" t="s">
        <v>34</v>
      </c>
      <c r="U28" s="36"/>
      <c r="V28" s="22"/>
      <c r="W28" s="22"/>
      <c r="X28" s="22"/>
      <c r="Y28" s="23"/>
    </row>
    <row r="29" spans="2:25" ht="18" customHeight="1" x14ac:dyDescent="0.4">
      <c r="B29" s="33"/>
      <c r="C29" s="1" t="s">
        <v>35</v>
      </c>
      <c r="U29" s="36"/>
      <c r="V29" s="4" t="s">
        <v>8</v>
      </c>
      <c r="W29" s="4" t="s">
        <v>20</v>
      </c>
      <c r="X29" s="4" t="s">
        <v>8</v>
      </c>
      <c r="Y29" s="23"/>
    </row>
    <row r="30" spans="2:25" ht="18" customHeight="1" x14ac:dyDescent="0.4">
      <c r="B30" s="33"/>
      <c r="C30" s="1" t="s">
        <v>36</v>
      </c>
      <c r="U30" s="36"/>
      <c r="V30" s="4" t="s">
        <v>8</v>
      </c>
      <c r="W30" s="4" t="s">
        <v>20</v>
      </c>
      <c r="X30" s="4" t="s">
        <v>8</v>
      </c>
      <c r="Y30" s="23"/>
    </row>
    <row r="31" spans="2:25" ht="18" customHeight="1" x14ac:dyDescent="0.4">
      <c r="B31" s="33"/>
      <c r="C31" s="1" t="s">
        <v>37</v>
      </c>
      <c r="U31" s="36"/>
      <c r="V31" s="22"/>
      <c r="W31" s="22"/>
      <c r="X31" s="22"/>
      <c r="Y31" s="23"/>
    </row>
    <row r="32" spans="2:25" ht="18" customHeight="1" x14ac:dyDescent="0.4">
      <c r="B32" s="33"/>
      <c r="C32" s="1" t="s">
        <v>38</v>
      </c>
      <c r="U32" s="36"/>
      <c r="V32" s="4" t="s">
        <v>8</v>
      </c>
      <c r="W32" s="4" t="s">
        <v>20</v>
      </c>
      <c r="X32" s="4" t="s">
        <v>8</v>
      </c>
      <c r="Y32" s="23"/>
    </row>
    <row r="33" spans="2:25" ht="18" customHeight="1" x14ac:dyDescent="0.4">
      <c r="B33" s="33"/>
      <c r="C33" s="1" t="s">
        <v>39</v>
      </c>
      <c r="U33" s="36"/>
      <c r="V33" s="4"/>
      <c r="W33" s="4"/>
      <c r="X33" s="4"/>
      <c r="Y33" s="23"/>
    </row>
    <row r="34" spans="2:25" ht="18" customHeight="1" x14ac:dyDescent="0.4">
      <c r="B34" s="33"/>
      <c r="C34" s="1" t="s">
        <v>40</v>
      </c>
      <c r="U34" s="36"/>
      <c r="V34" s="4"/>
      <c r="W34" s="4"/>
      <c r="X34" s="4"/>
      <c r="Y34" s="23"/>
    </row>
    <row r="35" spans="2:25" ht="18" customHeight="1" x14ac:dyDescent="0.4">
      <c r="B35" s="33"/>
      <c r="C35" s="1" t="s">
        <v>41</v>
      </c>
      <c r="U35" s="36"/>
      <c r="V35" s="4" t="s">
        <v>8</v>
      </c>
      <c r="W35" s="4" t="s">
        <v>20</v>
      </c>
      <c r="X35" s="4" t="s">
        <v>8</v>
      </c>
      <c r="Y35" s="23"/>
    </row>
    <row r="36" spans="2:25" ht="18" customHeight="1" x14ac:dyDescent="0.4">
      <c r="B36" s="33"/>
      <c r="C36" s="1" t="s">
        <v>42</v>
      </c>
      <c r="U36" s="36"/>
      <c r="V36" s="22"/>
      <c r="W36" s="22"/>
      <c r="X36" s="22"/>
      <c r="Y36" s="23"/>
    </row>
    <row r="37" spans="2:25" ht="18" customHeight="1" x14ac:dyDescent="0.4">
      <c r="B37" s="33"/>
      <c r="D37" s="1" t="s">
        <v>43</v>
      </c>
      <c r="U37" s="36"/>
      <c r="V37" s="4" t="s">
        <v>8</v>
      </c>
      <c r="W37" s="4" t="s">
        <v>20</v>
      </c>
      <c r="X37" s="4" t="s">
        <v>8</v>
      </c>
      <c r="Y37" s="23"/>
    </row>
    <row r="38" spans="2:25" ht="18" customHeight="1" x14ac:dyDescent="0.4">
      <c r="B38" s="33"/>
      <c r="D38" s="1" t="s">
        <v>44</v>
      </c>
      <c r="U38" s="36"/>
      <c r="V38" s="4" t="s">
        <v>8</v>
      </c>
      <c r="W38" s="4" t="s">
        <v>20</v>
      </c>
      <c r="X38" s="4" t="s">
        <v>8</v>
      </c>
      <c r="Y38" s="23"/>
    </row>
    <row r="39" spans="2:25" ht="18" customHeight="1" x14ac:dyDescent="0.4">
      <c r="B39" s="33"/>
      <c r="C39" s="1" t="s">
        <v>45</v>
      </c>
      <c r="U39" s="36"/>
      <c r="V39" s="42"/>
      <c r="W39" s="4" t="s">
        <v>20</v>
      </c>
      <c r="X39" s="42"/>
      <c r="Y39" s="23"/>
    </row>
    <row r="40" spans="2:25" ht="18" customHeight="1" x14ac:dyDescent="0.4">
      <c r="B40" s="33"/>
      <c r="C40" s="1" t="s">
        <v>46</v>
      </c>
      <c r="U40" s="36"/>
      <c r="V40" s="22"/>
      <c r="W40" s="22"/>
      <c r="X40" s="22"/>
      <c r="Y40" s="23"/>
    </row>
    <row r="41" spans="2:25" ht="18" customHeight="1" x14ac:dyDescent="0.4">
      <c r="B41" s="33"/>
      <c r="C41" s="1" t="s">
        <v>47</v>
      </c>
      <c r="U41" s="36"/>
      <c r="V41" s="4" t="s">
        <v>8</v>
      </c>
      <c r="W41" s="4" t="s">
        <v>20</v>
      </c>
      <c r="X41" s="4" t="s">
        <v>8</v>
      </c>
      <c r="Y41" s="23"/>
    </row>
    <row r="42" spans="2:25" ht="18" customHeight="1" x14ac:dyDescent="0.4">
      <c r="B42" s="33"/>
      <c r="C42" s="1" t="s">
        <v>48</v>
      </c>
      <c r="U42" s="37"/>
      <c r="V42" s="4"/>
      <c r="W42" s="4"/>
      <c r="X42" s="4"/>
      <c r="Y42" s="38"/>
    </row>
    <row r="43" spans="2:25" ht="18" customHeight="1" x14ac:dyDescent="0.4">
      <c r="B43" s="33"/>
      <c r="C43" s="1" t="s">
        <v>49</v>
      </c>
      <c r="U43" s="36"/>
      <c r="V43" s="4" t="s">
        <v>8</v>
      </c>
      <c r="W43" s="4" t="s">
        <v>20</v>
      </c>
      <c r="X43" s="4" t="s">
        <v>8</v>
      </c>
      <c r="Y43" s="23"/>
    </row>
    <row r="44" spans="2:25" ht="18" customHeight="1" x14ac:dyDescent="0.4">
      <c r="B44" s="33"/>
      <c r="C44" s="1" t="s">
        <v>50</v>
      </c>
      <c r="U44" s="37"/>
      <c r="V44" s="4"/>
      <c r="W44" s="4"/>
      <c r="X44" s="4"/>
      <c r="Y44" s="38"/>
    </row>
    <row r="45" spans="2:25" ht="18" customHeight="1" x14ac:dyDescent="0.4">
      <c r="B45" s="33"/>
      <c r="C45" s="1" t="s">
        <v>51</v>
      </c>
      <c r="U45" s="37"/>
      <c r="V45" s="4"/>
      <c r="W45" s="4"/>
      <c r="X45" s="4"/>
      <c r="Y45" s="38"/>
    </row>
    <row r="46" spans="2:25" ht="15" customHeight="1" x14ac:dyDescent="0.4">
      <c r="B46" s="33"/>
      <c r="U46" s="33"/>
      <c r="Y46" s="35"/>
    </row>
    <row r="47" spans="2:25" ht="15" customHeight="1" x14ac:dyDescent="0.4">
      <c r="B47" s="33" t="s">
        <v>52</v>
      </c>
      <c r="U47" s="37"/>
      <c r="V47" s="34" t="s">
        <v>19</v>
      </c>
      <c r="W47" s="34" t="s">
        <v>20</v>
      </c>
      <c r="X47" s="34" t="s">
        <v>21</v>
      </c>
      <c r="Y47" s="38"/>
    </row>
    <row r="48" spans="2:25" ht="6.75" customHeight="1" x14ac:dyDescent="0.4">
      <c r="B48" s="33"/>
      <c r="U48" s="37"/>
      <c r="V48" s="4"/>
      <c r="W48" s="4"/>
      <c r="X48" s="4"/>
      <c r="Y48" s="38"/>
    </row>
    <row r="49" spans="2:25" ht="18" customHeight="1" x14ac:dyDescent="0.4">
      <c r="B49" s="33"/>
      <c r="C49" s="1" t="s">
        <v>53</v>
      </c>
      <c r="U49" s="36"/>
      <c r="V49" s="4" t="s">
        <v>8</v>
      </c>
      <c r="W49" s="4" t="s">
        <v>20</v>
      </c>
      <c r="X49" s="4" t="s">
        <v>8</v>
      </c>
      <c r="Y49" s="23"/>
    </row>
    <row r="50" spans="2:25" ht="18" customHeight="1" x14ac:dyDescent="0.4">
      <c r="B50" s="33"/>
      <c r="C50" s="1" t="s">
        <v>54</v>
      </c>
      <c r="U50" s="33"/>
      <c r="Y50" s="35"/>
    </row>
    <row r="51" spans="2:25" ht="18" customHeight="1" x14ac:dyDescent="0.4">
      <c r="B51" s="33"/>
      <c r="C51" s="1" t="s">
        <v>55</v>
      </c>
      <c r="U51" s="36"/>
      <c r="V51" s="4" t="s">
        <v>8</v>
      </c>
      <c r="W51" s="4" t="s">
        <v>20</v>
      </c>
      <c r="X51" s="4" t="s">
        <v>8</v>
      </c>
      <c r="Y51" s="23"/>
    </row>
    <row r="52" spans="2:25" ht="18" customHeight="1" x14ac:dyDescent="0.4">
      <c r="B52" s="33"/>
      <c r="D52" s="43" t="s">
        <v>56</v>
      </c>
      <c r="E52" s="43"/>
      <c r="F52" s="43"/>
      <c r="G52" s="43"/>
      <c r="H52" s="43"/>
      <c r="I52" s="43"/>
      <c r="J52" s="43"/>
      <c r="K52" s="43"/>
      <c r="L52" s="43"/>
      <c r="M52" s="43"/>
      <c r="N52" s="43"/>
      <c r="O52" s="43"/>
      <c r="P52" s="43"/>
      <c r="Q52" s="43"/>
      <c r="R52" s="43"/>
      <c r="S52" s="43"/>
      <c r="T52" s="44"/>
      <c r="U52" s="36"/>
      <c r="V52" s="4"/>
      <c r="W52" s="4"/>
      <c r="X52" s="4"/>
      <c r="Y52" s="23"/>
    </row>
    <row r="53" spans="2:25" ht="18" customHeight="1" x14ac:dyDescent="0.4">
      <c r="B53" s="33"/>
      <c r="D53" s="43" t="s">
        <v>57</v>
      </c>
      <c r="E53" s="43"/>
      <c r="F53" s="43"/>
      <c r="G53" s="43"/>
      <c r="H53" s="43"/>
      <c r="I53" s="43"/>
      <c r="J53" s="43"/>
      <c r="K53" s="43"/>
      <c r="L53" s="43"/>
      <c r="M53" s="43"/>
      <c r="N53" s="43"/>
      <c r="O53" s="43"/>
      <c r="P53" s="43"/>
      <c r="Q53" s="43"/>
      <c r="R53" s="43"/>
      <c r="S53" s="43"/>
      <c r="T53" s="44"/>
      <c r="U53" s="36"/>
      <c r="V53" s="4"/>
      <c r="W53" s="4"/>
      <c r="X53" s="4"/>
      <c r="Y53" s="23"/>
    </row>
    <row r="54" spans="2:25" ht="18" customHeight="1" x14ac:dyDescent="0.4">
      <c r="B54" s="33"/>
      <c r="D54" s="43" t="s">
        <v>58</v>
      </c>
      <c r="E54" s="43"/>
      <c r="F54" s="43"/>
      <c r="G54" s="43"/>
      <c r="H54" s="43"/>
      <c r="I54" s="43"/>
      <c r="J54" s="43"/>
      <c r="K54" s="43"/>
      <c r="L54" s="43"/>
      <c r="M54" s="43"/>
      <c r="N54" s="43"/>
      <c r="O54" s="43"/>
      <c r="P54" s="43"/>
      <c r="Q54" s="43"/>
      <c r="R54" s="43"/>
      <c r="S54" s="43"/>
      <c r="T54" s="44"/>
      <c r="U54" s="36"/>
      <c r="V54" s="4"/>
      <c r="W54" s="4"/>
      <c r="X54" s="4"/>
      <c r="Y54" s="23"/>
    </row>
    <row r="55" spans="2:25" ht="18" customHeight="1" x14ac:dyDescent="0.4">
      <c r="B55" s="33"/>
      <c r="D55" s="43" t="s">
        <v>59</v>
      </c>
      <c r="E55" s="43"/>
      <c r="F55" s="43"/>
      <c r="G55" s="43"/>
      <c r="H55" s="43"/>
      <c r="I55" s="43"/>
      <c r="J55" s="43"/>
      <c r="K55" s="43"/>
      <c r="L55" s="43"/>
      <c r="M55" s="43"/>
      <c r="N55" s="43"/>
      <c r="O55" s="43"/>
      <c r="P55" s="43"/>
      <c r="Q55" s="43"/>
      <c r="R55" s="43"/>
      <c r="S55" s="43"/>
      <c r="T55" s="44"/>
      <c r="U55" s="36"/>
      <c r="V55" s="4"/>
      <c r="W55" s="4"/>
      <c r="X55" s="4"/>
      <c r="Y55" s="23"/>
    </row>
    <row r="56" spans="2:25" ht="18" customHeight="1" x14ac:dyDescent="0.4">
      <c r="B56" s="33"/>
      <c r="D56" s="43" t="s">
        <v>60</v>
      </c>
      <c r="E56" s="43"/>
      <c r="F56" s="43"/>
      <c r="G56" s="43"/>
      <c r="H56" s="43"/>
      <c r="I56" s="43"/>
      <c r="J56" s="43"/>
      <c r="K56" s="43"/>
      <c r="L56" s="43"/>
      <c r="M56" s="43"/>
      <c r="N56" s="43"/>
      <c r="O56" s="43"/>
      <c r="P56" s="43"/>
      <c r="Q56" s="43"/>
      <c r="R56" s="43"/>
      <c r="S56" s="43"/>
      <c r="T56" s="44"/>
      <c r="U56" s="36"/>
      <c r="V56" s="4"/>
      <c r="W56" s="4"/>
      <c r="X56" s="4"/>
      <c r="Y56" s="23"/>
    </row>
    <row r="57" spans="2:25" ht="18" customHeight="1" x14ac:dyDescent="0.4">
      <c r="B57" s="33"/>
      <c r="C57" s="1" t="s">
        <v>61</v>
      </c>
      <c r="U57" s="36"/>
      <c r="V57" s="4" t="s">
        <v>8</v>
      </c>
      <c r="W57" s="4" t="s">
        <v>20</v>
      </c>
      <c r="X57" s="4" t="s">
        <v>8</v>
      </c>
      <c r="Y57" s="23"/>
    </row>
    <row r="58" spans="2:25" ht="8.25" customHeight="1" x14ac:dyDescent="0.4">
      <c r="B58" s="45"/>
      <c r="C58" s="28"/>
      <c r="D58" s="28"/>
      <c r="E58" s="28"/>
      <c r="F58" s="28"/>
      <c r="G58" s="28"/>
      <c r="H58" s="28"/>
      <c r="I58" s="28"/>
      <c r="J58" s="28"/>
      <c r="K58" s="28"/>
      <c r="L58" s="28"/>
      <c r="M58" s="28"/>
      <c r="N58" s="28"/>
      <c r="O58" s="28"/>
      <c r="P58" s="28"/>
      <c r="Q58" s="28"/>
      <c r="R58" s="28"/>
      <c r="S58" s="28"/>
      <c r="T58" s="28"/>
      <c r="U58" s="24"/>
      <c r="V58" s="25"/>
      <c r="W58" s="25"/>
      <c r="X58" s="25"/>
      <c r="Y58" s="26"/>
    </row>
    <row r="59" spans="2:25" x14ac:dyDescent="0.4">
      <c r="B59" s="1" t="s">
        <v>62</v>
      </c>
    </row>
    <row r="60" spans="2:25" ht="14.25" customHeight="1" x14ac:dyDescent="0.4">
      <c r="B60" s="1" t="s">
        <v>63</v>
      </c>
    </row>
    <row r="61" spans="2:25" ht="9" customHeight="1" x14ac:dyDescent="0.4">
      <c r="B61" s="31"/>
      <c r="C61" s="19"/>
      <c r="D61" s="19"/>
      <c r="E61" s="19"/>
      <c r="F61" s="19"/>
      <c r="G61" s="19"/>
      <c r="H61" s="19"/>
      <c r="I61" s="19"/>
      <c r="J61" s="19"/>
      <c r="K61" s="19"/>
      <c r="L61" s="19"/>
      <c r="M61" s="19"/>
      <c r="N61" s="19"/>
      <c r="O61" s="19"/>
      <c r="P61" s="19"/>
      <c r="Q61" s="19"/>
      <c r="R61" s="19"/>
      <c r="S61" s="19"/>
      <c r="T61" s="19"/>
      <c r="U61" s="31"/>
      <c r="V61" s="19"/>
      <c r="W61" s="19"/>
      <c r="X61" s="19"/>
      <c r="Y61" s="32"/>
    </row>
    <row r="62" spans="2:25" x14ac:dyDescent="0.4">
      <c r="B62" s="33" t="s">
        <v>64</v>
      </c>
      <c r="U62" s="33"/>
      <c r="V62" s="34" t="s">
        <v>19</v>
      </c>
      <c r="W62" s="34" t="s">
        <v>20</v>
      </c>
      <c r="X62" s="34" t="s">
        <v>21</v>
      </c>
      <c r="Y62" s="35"/>
    </row>
    <row r="63" spans="2:25" ht="6.75" customHeight="1" x14ac:dyDescent="0.4">
      <c r="B63" s="33"/>
      <c r="U63" s="33"/>
      <c r="Y63" s="35"/>
    </row>
    <row r="64" spans="2:25" ht="18" customHeight="1" x14ac:dyDescent="0.4">
      <c r="B64" s="33"/>
      <c r="C64" s="1" t="s">
        <v>65</v>
      </c>
      <c r="U64" s="36"/>
      <c r="V64" s="4" t="s">
        <v>8</v>
      </c>
      <c r="W64" s="4" t="s">
        <v>20</v>
      </c>
      <c r="X64" s="4" t="s">
        <v>8</v>
      </c>
      <c r="Y64" s="23"/>
    </row>
    <row r="65" spans="2:25" ht="18" customHeight="1" x14ac:dyDescent="0.4">
      <c r="B65" s="33"/>
      <c r="C65" s="1" t="s">
        <v>66</v>
      </c>
      <c r="U65" s="33"/>
      <c r="Y65" s="35"/>
    </row>
    <row r="66" spans="2:25" ht="18" customHeight="1" x14ac:dyDescent="0.4">
      <c r="B66" s="33"/>
      <c r="C66" s="1" t="s">
        <v>67</v>
      </c>
      <c r="U66" s="33"/>
      <c r="Y66" s="35"/>
    </row>
    <row r="67" spans="2:25" ht="6" customHeight="1" x14ac:dyDescent="0.4">
      <c r="B67" s="45"/>
      <c r="C67" s="28"/>
      <c r="D67" s="28"/>
      <c r="E67" s="28"/>
      <c r="F67" s="28"/>
      <c r="G67" s="28"/>
      <c r="H67" s="28"/>
      <c r="I67" s="28"/>
      <c r="J67" s="28"/>
      <c r="K67" s="28"/>
      <c r="L67" s="28"/>
      <c r="M67" s="28"/>
      <c r="N67" s="28"/>
      <c r="O67" s="28"/>
      <c r="P67" s="28"/>
      <c r="Q67" s="28"/>
      <c r="R67" s="28"/>
      <c r="S67" s="28"/>
      <c r="T67" s="28"/>
      <c r="U67" s="45"/>
      <c r="V67" s="28"/>
      <c r="W67" s="28"/>
      <c r="X67" s="28"/>
      <c r="Y67" s="46"/>
    </row>
    <row r="122" spans="3:7" x14ac:dyDescent="0.4">
      <c r="C122" s="28"/>
      <c r="D122" s="28"/>
      <c r="E122" s="28"/>
      <c r="F122" s="28"/>
      <c r="G122" s="28"/>
    </row>
    <row r="123" spans="3:7" x14ac:dyDescent="0.4">
      <c r="C123" s="19"/>
    </row>
  </sheetData>
  <mergeCells count="18">
    <mergeCell ref="D52:T52"/>
    <mergeCell ref="D53:T53"/>
    <mergeCell ref="D54:T54"/>
    <mergeCell ref="D55:T55"/>
    <mergeCell ref="D56:T56"/>
    <mergeCell ref="U58:Y58"/>
    <mergeCell ref="B8:F8"/>
    <mergeCell ref="B9:F11"/>
    <mergeCell ref="D18:H18"/>
    <mergeCell ref="L18:N18"/>
    <mergeCell ref="D22:H22"/>
    <mergeCell ref="L22:N22"/>
    <mergeCell ref="Q3:R3"/>
    <mergeCell ref="T3:U3"/>
    <mergeCell ref="W3:X3"/>
    <mergeCell ref="B5:Y5"/>
    <mergeCell ref="B7:F7"/>
    <mergeCell ref="G7:Y7"/>
  </mergeCells>
  <phoneticPr fontId="3"/>
  <dataValidations count="1">
    <dataValidation type="list" allowBlank="1" showInputMessage="1" showErrorMessage="1" sqref="G8:G11 O9:O10 L8 Q8 X64 V24 X24 V26:V27 X26:X27 V29:V30 X29:X30 V32:V35 X32:X35 V37:V38 X37:X38 V41 X41 V43 X43 V49 X49 V64 X16 V16 X51:X57 V51:V57" xr:uid="{9D700609-BC1B-4473-BDE6-053FFF29BE91}">
      <formula1>"□,■"</formula1>
    </dataValidation>
  </dataValidations>
  <pageMargins left="0.7" right="0.7" top="0.75" bottom="0.75" header="0.3" footer="0.3"/>
  <rowBreaks count="1" manualBreakCount="1">
    <brk id="69"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C4FFB9-2C67-463A-A235-21575E7A12B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6</vt:lpstr>
      <vt:lpstr>Sheet1</vt:lpstr>
      <vt:lpstr>別紙36!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27:41Z</dcterms:created>
  <dcterms:modified xsi:type="dcterms:W3CDTF">2024-03-22T05:28:10Z</dcterms:modified>
</cp:coreProperties>
</file>